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pStyle w:val="2"/>
        <w:keepNext w:val="0"/>
        <w:keepLines w:val="0"/>
        <w:widowControl/>
        <w:suppressLineNumbers w:val="0"/>
      </w:pPr>
      <w:r>
        <w:t>/**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UAParser.js v0.7.12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Lightweight JavaScript-based User-Agent string parser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https://github.com/faisalman/ua-parser-js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Copyright 漏 2012-2016 Faisal Salman &lt;fyzlman@gmail.com&gt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 Dual licensed under GPLv2 &amp; MIT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*/(function(e,t){"use strict";var n="0.7.12",r="",i="?",s="function",o="undefined",u="object",a="string",f="major",l="model",c="name",h="type",p="vendor",d="version",v="architecture",m="console",g="mobile",y="tablet",b="smarttv",w="wearable",E="embedded",S={extend:function(e,t){var n={};for(var r in e)t[r]&amp;&amp;t[r].length%2===0?n[r]=t[r].concat(e[r]):n[r]=e[r];return n},has:function(e,t){return typeof e=="string"?t.toLowerCase().indexOf(e.toLowerCase())!==-1:!1},lowerize:function(e){return e.toLowerCase()},major:function(e){return typeof e===a?e.replace(/[^\d\.]/g,"").split(".")[0]:t},trim:function(e){return e.replace(/^[\s\uFEFF\xA0]+|[\s\uFEFF\xA0]+$/g,"")}},x={rgx:function(){var e,n=0,r,i,a,f,l,c,h=arguments;while(n&lt;h.length&amp;&amp;!l){var p=h[n],d=h[n+1];if(typeof e===o){e={};for(a in d)d.hasOwnProperty(a)&amp;&amp;(f=d[a],typeof f===u?e[f[0]]=t:e[f]=t)}r=i=0;while(r&lt;p.length&amp;&amp;!l){l=p[r++].exec(this.getUA());if(!!l)for(a=0;a&lt;d.length;a++)c=l[++i],f=d[a],typeof f===u&amp;&amp;f.length&gt;0?f.length==2?typeof f[1]==s?e[f[0]]=f[1].call(this,c):e[f[0]]=f[1]:f.length==3?typeof f[1]===s&amp;&amp;(!f[1].exec||!f[1].test)?e[f[0]]=c?f[1].call(this,c,f[2]):t:e[f[0]]=c?c.replace(f[1],f[2]):t:f.length==4&amp;&amp;(e[f[0]]=c?f[3].call(this,c.replace(f[1],f[2])):t):e[f]=c?c:t}n+=2}return e},str:function(e,n){for(var r in n)if(typeof n[r]===u&amp;&amp;n[r].length&gt;0){for(var s=0;s&lt;n[r].length;s++)if(S.has(n[r][s],e))return r===i?t:r}else if(S.has(n[r],e))return r===i?t:r;return e}},T={browser:{oldsafari:{version:{"1.0":"/8",1.2:"/1",1.3:"/3","2.0":"/412","2.0.2":"/416","2.0.3":"/417","2.0.4":"/419","?":"/"}}},device:{amazon:{model:{"Fire Phone":["SD","KF"]}},sprint:{model:{"Evo Shift 4G":"7373KT"},vendor:{HTC:"APA",Sprint:"Sprint"}}},os:{windows:{version:{ME:"4.90","NT 3.11":"NT3.51","NT 4.0":"NT4.0",2e3:"NT 5.0",XP:["NT 5.1","NT 5.2"],Vista:"NT 6.0",7:"NT 6.1",8:"NT 6.2",8.1:"NT 6.3",10:["NT 6.4","NT 10.0"],RT:"ARM"}}}},N={browser:[[/(opera\smini)\/([\w\.-]+)/i,/(opera\s[mobiletab]+).+version\/([\w\.-]+)/i,/(opera).+version\/([\w\.]+)/i,/(opera)[\/\s]+([\w\.]+)/i],[c,d],[/(opios)[\/\s]+([\w\.]+)/i],[[c,"Opera Mini"],d],[/\s(opr)\/([\w\.]+)/i],[[c,"Opera"],d],[/(kindle)\/([\w\.]+)/i,/(lunascape|maxthon|netfront|jasmine|blazer)[\/\s]?([\w\.]+)*/i,/(avant\s|iemobile|slim|baidu)(?:browser)?[\/\s]?([\w\.]*)/i,/(?:ms|\()(ie)\s([\w\.]+)/i,/(rekonq)\/([\w\.]+)*/i,/(chromium|flock|rockmelt|midori|epiphany|silk|skyfire|ovibrowser|bolt|iron|vivaldi|iridium|phantomjs)\/([\w\.-]+)/i],[c,d],[/(trident).+rv[:\s]([\w\.]+).+like\sgecko/i],[[c,"IE"],d],[/(edge)\/((\d+)?[\w\.]+)/i],[c,d],[/(yabrowser)\/([\w\.]+)/i],[[c,"Yandex"],d],[/(comodo_dragon)\/([\w\.]+)/i],[[c,/_/g," "],d],[/(micromessenger)\/([\w\.]+)/i],[[c,"WeChat"],d],[/xiaomi\/miuibrowser\/([\w\.]+)/i],[d,[c,"MIUI Browser"]],[/\swv\).+(chrome)\/([\w\.]+)/i],[[c,/(.+)/,"$1 WebView"],d],[/android.+samsungbrowser\/([\w\.]+)/i,/android.+version\/([\w\.]+)\s+(?:mobile\s?safari|safari)*/i],[d,[c,"Android Browser"]],[/(chrome|omniweb|arora|[tizenoka]{5}\s?browser)\/v?([\w\.]+)/i,/(qqbrowser)[\/\s]?([\w\.]+)/i],[c,d],[/(uc\s?browser)[\/\s]?([\w\.]+)/i,/ucweb.+(ucbrowser)[\/\s]?([\w\.]+)/i,/juc.+(ucweb)[\/\s]?([\w\.]+)/i],[[c,"UCBrowser"],d],[/(dolfin)\/([\w\.]+)/i],[[c,"Dolphin"],d],[/((?:android.+)crmo|crios)\/([\w\.]+)/i],[[c,"Chrome"],d],[/;fbav\/([\w\.]+);/i],[d,[c,"Facebook"]],[/fxios\/([\w\.-]+)/i],[d,[c,"Firefox"]],[/version\/([\w\.]+).+?mobile\/\w+\s(safari)/i],[d,[c,"Mobile Safari"]],[/version\/([\w\.]+).+?(mobile\s?safari|safari)/i],[d,c],[/webkit.+?(mobile\s?safari|safari)(\/[\w\.]+)/i],[c,[d,x.str,T.browser.oldsafari.version]],[/(konqueror)\/([\w\.]+)/i,/(webkit|khtml)\/([\w\.]+)/i],[c,d],[/(navigator|netscape)\/([\w\.-]+)/i],[[c,"Netscape"],d],[/(swiftfox)/i,/(icedragon|iceweasel|camino|chimera|fennec|maemo\sbrowser|minimo|conkeror)[\/\s]?([\w\.\+]+)/i,/(firefox|seamonkey|k-meleon|icecat|iceape|firebird|phoenix)\/([\w\.-]+)/i,/(mozilla)\/([\w\.]+).+rv\:.+gecko\/\d+/i,/(polaris|lynx|dillo|icab|doris|amaya|w3m|netsurf|sleipnir)[\/\s]?([\w\.]+)/i,/(links)\s\(([\w\.]+)/i,/(gobrowser)\/?([\w</w:t>
      </w:r>
      <w:r>
        <w:t>\.]+)*/i,/(ice\s?browser)\/v?([\w\._]+)/i,/(mosaic)[\/\s]([\w\.]+)/i],[c,d]],cpu:[[/(?:(amd|x(?:(?:86|64)[_-])?|wow|win)64)[;\)]/i],[[v,"amd64"]],[/(ia32(?=;))/i],[[v,S.lowerize]],[/((?:i[346]|x)86)[;\)]/i],[[v,"ia32"]],[/windows\s(ce|mobile);\sppc;/i],[[v,"arm"]],[/((?:ppc|powerpc)(?:64)?)(?:\smac|;|\))/i],[[v,/ower/,"",S.lowerize]],[/(sun4\w)[;\)]/i],[[v,"sparc"]],[/((?:avr32|ia64(?=;))|68k(?=\))|arm(?:64|(?=v\d+;))|(?=atmel\s)avr|(?:irix|mips|sparc)(?:64)?(?=;)|pa-risc)/i],[[v,S.lowerize]]],device:[[/\((ipad|playbook);[\w\s\);-]+(rim|apple)/i],[l,p,[h,y]],[/applecoremedia\/[\w\.]+ \((ipad)/],[l,[p,"Apple"],[h,y]],[/(apple\s{0,1}tv)/i],[[l,"Apple TV"],[p,"Apple"]],[/(archos)\s(gamepad2?)/i,/(hp).+(touchpad)/i,/(hp).+(tablet)/i,/(kindle)\/([\w\.]+)/i,/\s(nook)[\w\s]+build\/(\w+)/i,/(dell)\s(strea[kpr\s\d]*[\dko])/i],[p,l,[h,y]],[/(kf[A-z]+)\sbuild\/[\w\.]+.*silk\//i],[l,[p,"Amazon"],[h,y]],[/(sd|kf)[0349hijorstuw]+\sbuild\/[\w\.]+.*silk\//i],[[l,x.str,T.device.amazon.model],[p,"Amazon"],[h,g]],[/\((ip[honed|\s\w*]+);.+(apple)/i],[l,p,[h,g]],[/\((ip[honed|\s\w*]+);/i],[l,[p,"Apple"],[h,g]],[/(blackberry)[\s-]?(\w+)/i,/(blackberry|benq|palm(?=\-)|sonyericsson|acer|asus|dell|huawei|meizu|motorola|polytron)[\s_-]?([\w-]+)*/i,/(hp)\s([\w\s]+\w)/i,/(asus)-?(\w+)/i],[p,l,[h,g]],[/\(bb10;\s(\w+)/i],[l,[p,"BlackBerry"],[h,g]],[/android.+(transfo[prime\s]{4,10}\s\w+|eeepc|slider\s\w+|nexus 7|padfone)/i],[l,[p,"Asus"],[h,y]],[/(sony)\s(tablet\s[ps])\sbuild\//i,/(sony)?(?:sgp.+)\sbuild\//i],[[p,"Sony"],[l,"Xperia Tablet"],[h,y]],[/(?:sony)?(?:(?:(?:c|d)\d{4})|(?:so[-l].+))\sbuild\//i],[[p,"Sony"],[l,"Xperia Phone"],[h,g]],[/\s(ouya)\s/i,/(nintendo)\s([wids3u]+)/i],[p,l,[h,m]],[/android.+;\s(shield)\sbuild/i],[l,[p,"Nvidia"],[h,m]],[/(playstation\s[34portablevi]+)/i],[l,[p,"Sony"],[h,m]],[/(sprint\s(\w+))/i],[[p,x.str,T.device.sprint.vendor],[l,x.str,T.device.sprint.model],[h,g]],[/(lenovo)\s?(S(?:5000|6000)+(?:[-][\w+]))/i],[p,l,[h,y]],[/(htc)[;_\s-]+([\w\s]+(?=\))|\w+)*/i,/(zte)-(\w+)*/i,/(alcatel|geeksphone|huawei|lenovo|nexian|panasonic|(?=;\s)sony)[_\s-]?([\w-]+)*/i],[p,[l,/_/g," "],[h,g]],[/(nexus\s9)/i],[l,[p,"HTC"],[h,y]],[/(nexus\s6p)/i],[l,[p,"Huawei"],[h,g]],[/(microsoft);\s(lumia[\s\w]+)/i],[p,l,[h,g]],[/[\s\(;](xbox(?:\sone)?)[\s\);]/i],[l,[p,"Microsoft"],[h,m]],[/(kin\.[onetw]{3})/i],[[l,/\./g," "],[p,"Microsoft"],[h,g]],[/\s(milestone|droid(?:[2-4x]|\s(?:bionic|x2|pro|razr))?(:?\s4g)?)[\w\s]+build\//i,/mot[\s-]?(\w+)*/i,/(XT\d{3,4}) build\//i,/(nexus\s6)/i],[l,[p,"Motorola"],[h,g]],[/android.+\s(mz60\d|xoom[\s2]{0,2})\sbuild\//i],[l,[p,"Motorola"],[h,y]],[/hbbtv\/\d+\.\d+\.\d+\s+\([\w\s]*;\s*(\w[^;]*);([^;]*)/i],[[p,S.trim],[l,S.trim],[h,b]],[/hbbtv.+maple;(\d+)/i],[[l,/^/,"SmartTV"],[p,"Samsung"],[h,b]],[/\(dtv[\);].+(aquos)/i],[l,[p,"Sharp"],[h,b]],[/android.+((sch-i[89]0\d|shw-m380s|gt-p\d{4}|gt-n\d+|sgh-t8[56]9|nexus 10))/i,/((SM-T\w+))/i],[[p,"Samsung"],l,[h,y]],[/smart-tv.+(samsung)/i],[p,[h,b],l],[/((s[cgp]h-\w+|gt-\w+|galaxy\snexus|sm-\w[\w\d]+))/i,/(sam[sung]*)[\s-]*(\w+-?[\w-]*)*/i,/sec-((sgh\w+))/i],[[p,"Samsung"],l,[h,g]],[/sie-(\w+)*/i],[l,[p,"Siemens"],[h,g]],[/(maemo|nokia).*(n900|lumia\s\d+)/i,/(nokia)[\s_-]?([\w-]+)*/i],[[p,"Nokia"],l,[h,g]],[/android\s3\.[\s\w;-]{10}(a\d{3})/i],[l,[p,"Acer"],[h,y]],[/android\s3\.[\s\w;-]{10}(lg?)-([06cv9]{3,4})/i],[[p,"LG"],l,[h,y]],[/(lg) netcast\.tv/i],[p,l,[h,b]],[/(nexus\s[45])/i,/lg[e;\s\/-]+(\w+)*/i],[l,[p,"LG"],[h,g]],[/android.+(ideatab[a-z0-9\-\s]+)/i],[l,[p,"Lenovo"],[h,y]],[/linux;.+((jolla));/i],[p,l,[h,g]],[/((pebble))app\/[\d\.]+\s/i],[p,l,[h,w]],[/android.+;\s(glass)\s\d/i],[l,[p,"Google"],[h,w]],[/android.+(\w+)\s+build\/hm\1/i,/android.+(hm[\s\-_]*note?[\s_]*(?:\d\w)?)\s+build/i,/android.+(mi[\s\-_]*(?:one|one[\s_]plus|note lte)?[\s_]*(?:\d\w)?)\s+build/i],[[l,/_/g," "],[p,"Xiaomi"],[h,g]],[/android.+a000(1)\s+build/i],[l,[p,"OnePlus"],[h,g]],[/\s(tablet)[;\/]/i,/\s(mobile)(?:[;\/]|\ssafari)/i],[[h,S.lowerize],p,l]],engine:[[/windows.+\sedge\/([\w\.]+)/i],[d,[c,"EdgeHTML"]],[/(presto)\/([\w\.]+)/i,/(web</w:t>
      </w:r>
      <w:r>
        <w:t>kit|trident|netfront|netsurf|amaya|lynx|w3m)\/([\w\.]+)/i,/(khtml|tasman|links)[\/\s]\(?([\w\.]+)/i,/(icab)[\/\s]([23]\.[\d\.]+)/i],[c,d],[/rv\:([\w\.]+).*(gecko)/i],[d,c]],os:[[/microsoft\s(windows)\s(vista|xp)/i],[c,d],[/(windows)\snt\s6\.2;\s(arm)/i,/(windows\sphone(?:\sos)*)[\s\/]?([\d\.\s]+\w)*/i,/(windows\smobile|windows)[\s\/]?([ntce\d\.\s]+\w)/i],[c,[d,x.str,T.os.windows.version]],[/(win(?=3|9|n)|win\s9x\s)([nt\d\.]+)/i],[[c,"Windows"],[d,x.str,T.os.windows.version]],[/\((bb)(10);/i],[[c,"BlackBerry"],d],[/(blackberry)\w*\/?([\w\.]+)*/i,/(tizen)[\/\s]([\w\.]+)/i,/(android|webos|palm\sos|qnx|bada|rim\stablet\sos|meego|contiki)[\/\s-]?([\w\.]+)*/i,/linux;.+(sailfish);/i],[c,d],[/(symbian\s?os|symbos|s60(?=;))[\/\s-]?([\w\.]+)*/i],[[c,"Symbian"],d],[/\((series40);/i],[c],[/mozilla.+\(mobile;.+gecko.+firefox/i],[[c,"Firefox OS"],d],[/(nintendo|playstation)\s([wids34portablevu]+)/i,/(mint)[\/\s\(]?(\w+)*/i,/(mageia|vectorlinux)[;\s]/i,/(joli|[kxln]?ubuntu|debian|[open]*suse|gentoo|(?=\s)arch|slackware|fedora|mandriva|centos|pclinuxos|redhat|zenwalk|linpus)[\/\s-]?(?!chrom)([\w\.-]+)*/i,/(hurd|linux)\s?([\w\.]+)*/i,/(gnu)\s?([\w\.]+)*/i],[c,d],[/(cros)\s[\w]+\s([\w\.]+\w)/i],[[c,"Chromium OS"],d],[/(sunos)\s?([\w\.]+\d)*/i],[[c,"Solaris"],d],[/\s([frentopc-]{0,4}bsd|dragonfly)\s?([\w\.]+)*/i],[c,d],[/(haiku)\s(\w+)/i],[c,d],[/(ip[honead]+)(?:.*os\s([\w]+)*\slike\smac|;\sopera)/i],[[c,"iOS"],[d,/_/g,"."]],[/(mac\sos\sx)\s?([\w\s\.]+\w)*/i,/(macintosh|mac(?=_powerpc)\s)/i],[[c,"Mac OS"],[d,/_/g,"."]],[/((?:open)?solaris)[\/\s-]?([\w\.]+)*/i,/(aix)\s((\d)(?=\.|\)|\s)[\w\.]*)*/i,/(plan\s9|minix|beos|os\/2|amigaos|morphos|risc\sos|openvms)/i,/(unix)\s?([\w\.]+)*/i],[c,d]]},C=function(t,n){if(this instanceof C){var i=t||(e&amp;&amp;e.navigator&amp;&amp;e.navigator.userAgent?e.navigator.userAgent:r),s=n?S.extend(N,n):N;return this.getBrowser=function(){var e=x.rgx.apply(this,s.browser);return e.major=S.major(e.version),e},this.getCPU=function(){return x.rgx.apply(this,s.cpu)},this.getDevice=function(){return x.rgx.apply(this,s.device)},this.getEngine=function(){return x.rgx.apply(this,s.engine)},this.getOS=function(){return x.rgx.apply(this,s.os)},this.getResult=function(){return{ua:this.getUA(),browser:this.getBrowser(),engine:this.getEngine(),os:this.getOS(),device:this.getDevice(),cpu:this.getCPU()}},this.getUA=function(){return i},this.setUA=function(e){return i=e,this},this}return(new C(t,n)).getResult()};C.VERSION=n,C.BROWSER={NAME:c,MAJOR:f,VERSION:d},C.CPU={ARCHITECTURE:v},C.DEVICE={MODEL:l,VENDOR:p,TYPE:h,CONSOLE:m,MOBILE:g,SMARTTV:b,TABLET:y,WEARABLE:w,EMBEDDED:E},C.ENGINE={NAME:c,VERSION:d},C.OS={NAME:c,VERSION:d},typeof exports!==o?(typeof module!==o&amp;&amp;module.exports&amp;&amp;(exports=module.exports=C),exports.UAParser=C):typeof define===s&amp;&amp;define.amd?define(function(){return C}):e.UAParser=C;var k=e.jQuery||e.Zepto;if(typeof k!==o){var L=new C;k.ua=L.getResult(),k.ua.get=function(){return L.getUA()},k.ua.set=function(e){L.setUA(e);var t=L.getResult();for(var n in t)k.ua[n]=t[n]}}})(typeof window=="object"?window:this);</w:t>
      </w:r>
    </w:p>
    <w:p>
      <w:pPr>
        <w:pStyle w:val="2"/>
        <w:keepNext w:val="0"/>
        <w:keepLines w:val="0"/>
        <w:widowControl/>
        <w:suppressLineNumbers w:val="0"/>
      </w:pPr>
      <w:r>
        <w:t>(function (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if (window.location.search &amp;&amp; window.location.search.indexOf('whatever=true') &gt; -1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return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}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var parser = new UAParser().getResult()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var navigator = window.navigator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var ua = navigator.userAgent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var ualc = ua.toLowerCase();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//1. Android 璁惧涓斾笉鏄數瑙嗙洅瀛�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//鎴栬€�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//2. iOS 璁惧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//涓嶆娴嬫祻瑙堝櫒鐗堟湰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if ((ualc.indexOf('android') &gt; -1 &amp;&amp; ualc.indexOf('tv') &lt; 0) || ualc.indexOf('iphone') &gt; - 1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return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}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if (parser &amp;&amp; parser.engine &amp;&amp; parser.engine.name &amp;&amp; parser.engine.name.toLowerCase() == 'webkit' &amp;&amp; parser.browser &amp;&amp; 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((parser.browser.name.toLowerCase() == 'chrome' &amp;&amp; parser.browser.major &amp;&amp; parseInt(parser.browser.major) &gt;= 50) || 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(parser.browser.name.toLowerCase() == 'safari' &amp;&amp; parser.browser.major &amp;&amp; parseInt(parser.browser.major) &gt;= 10))) {//chrome 50 鎴栬€� safari 10 浠ヤ笂鍙互浣跨敤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return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}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var cover = document.getElementById('error-cover')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if (cover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var uaArr = ua.split(') ')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var str = '&lt;div&gt;&lt;code&gt;'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str += uaArr.join(') &lt;/code&gt;&lt;/div&gt;&lt;div&gt;&lt;code&gt;')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str += '&lt;/code&gt;&lt;/div&gt;';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  var stayUrl = window.location.href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if (location.search.replace(/\s/g, '') == '')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stayUrl += '?'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} else {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stayUrl += '&amp;'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}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stayUrl += 'whatever=true';</w:t>
      </w:r>
    </w:p>
    <w:p>
      <w:pPr>
        <w:pStyle w:val="2"/>
        <w:keepNext w:val="0"/>
        <w:keepLines w:val="0"/>
        <w:widowControl/>
        <w:suppressLineNumbers w:val="0"/>
      </w:pPr>
    </w:p>
    <w:p>
      <w:pPr>
        <w:pStyle w:val="2"/>
        <w:keepNext w:val="0"/>
        <w:keepLines w:val="0"/>
        <w:widowControl/>
        <w:suppressLineNumbers w:val="0"/>
      </w:pPr>
      <w:r>
        <w:t xml:space="preserve">    document.getElementById('error-cover').innerHTML = '&lt;div class="error-cover-container"&gt;&lt;img class="logo" src="https://img.alicdn.com/tfs/TB1jcyeQpXXXXafaXXXXXXXXXXX-274-74.png"/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div class="recommand"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&lt;p&gt;璇峰皾璇曚娇鐢� Chrome 鏈€鏂扮増鏈祻瑙�&lt;/p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&lt;p&gt;&lt;a href="https://www.google.com.hk/chrome/browser/desktop/" target="_blank" class="go-chrome"&gt;鍘讳笅杞�&lt;/a&gt;&lt;/p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/div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div class="browser-info"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p&gt;褰撳墠娴忚鍣ㄧ増鏈俊鎭�&lt;/p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  ' + str + '&lt;p class="stay-here"&gt;&lt;a href="' + stayUrl + '" &gt;鎴戠煡閬撲簡锛岀户缁娇鐢ㄥ綋鍓嶆祻瑙堝櫒&lt;/a&gt;&lt;/p&gt;&lt;/div&gt;\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  &lt;/div&gt;';</w:t>
      </w:r>
    </w:p>
    <w:p>
      <w:pPr>
        <w:pStyle w:val="2"/>
        <w:keepNext w:val="0"/>
        <w:keepLines w:val="0"/>
        <w:widowControl/>
        <w:suppressLineNumbers w:val="0"/>
      </w:pPr>
      <w:r>
        <w:t xml:space="preserve">  }</w:t>
      </w:r>
    </w:p>
    <w:p>
      <w:pPr>
        <w:pStyle w:val="2"/>
        <w:keepNext w:val="0"/>
        <w:keepLines w:val="0"/>
        <w:widowControl/>
        <w:suppressLineNumbers w:val="0"/>
      </w:pPr>
      <w:r>
        <w:t>})();</w:t>
      </w:r>
    </w:p>
    <w:p>
      <w:bookmarkStart w:id="0" w:name="_GoBack"/>
      <w:bookmarkEnd w:id="0"/>
    </w:p>
    <w:sectPr>
      <w:pgSz w:w="11906" w:h="16838"/>
      <w:pgMar w:top="1440" w:right="1800" w:bottom="1440" w:left="1800" w:header="851" w:footer="992" w:gutter="0"/>
      <w:cols w:space="425" w:num="1"/>
      <w:docGrid w:type="lines" w:linePitch="312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7A87" w:usb1="80000000" w:usb2="00000008" w:usb3="00000000" w:csb0="000001FF" w:csb1="00000000"/>
  </w:font>
  <w:font w:name="宋体">
    <w:panose1 w:val="02010600030101010101"/>
    <w:charset w:val="86"/>
    <w:family w:val="auto"/>
    <w:pitch w:val="default"/>
    <w:sig w:usb0="00000003" w:usb1="288F0000" w:usb2="00000006" w:usb3="00000000" w:csb0="00040001" w:csb1="0000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Arial">
    <w:panose1 w:val="020B0604020202020204"/>
    <w:charset w:val="01"/>
    <w:family w:val="swiss"/>
    <w:pitch w:val="default"/>
    <w:sig w:usb0="E0002EFF" w:usb1="C000785B" w:usb2="00000009" w:usb3="00000000" w:csb0="400001FF" w:csb1="FFFF0000"/>
  </w:font>
  <w:font w:name="黑体">
    <w:panose1 w:val="02010609060101010101"/>
    <w:charset w:val="86"/>
    <w:family w:val="auto"/>
    <w:pitch w:val="default"/>
    <w:sig w:usb0="800002BF" w:usb1="38CF7CFA" w:usb2="00000016" w:usb3="00000000" w:csb0="00040001" w:csb1="00000000"/>
  </w:font>
  <w:font w:name="Courier New">
    <w:panose1 w:val="02070309020205020404"/>
    <w:charset w:val="01"/>
    <w:family w:val="modern"/>
    <w:pitch w:val="default"/>
    <w:sig w:usb0="E0002EFF" w:usb1="C0007843" w:usb2="00000009" w:usb3="00000000" w:csb0="400001FF" w:csb1="FFFF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Calibri">
    <w:panose1 w:val="020F0502020204030204"/>
    <w:charset w:val="00"/>
    <w:family w:val="swiss"/>
    <w:pitch w:val="default"/>
    <w:sig w:usb0="E0002EFF" w:usb1="C000247B" w:usb2="00000009" w:usb3="00000000" w:csb0="2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embedSystemFonts/>
  <w:bordersDoNotSurroundHeader w:val="0"/>
  <w:bordersDoNotSurroundFooter w:val="0"/>
  <w:documentProtection w:enforcement="0"/>
  <w:defaultTabStop w:val="420"/>
  <w:drawingGridVerticalSpacing w:val="156"/>
  <w:displayHorizontalDrawingGridEvery w:val="1"/>
  <w:displayVerticalDrawingGridEvery w:val="1"/>
  <w:noPunctuationKerning w:val="1"/>
  <w:characterSpacingControl w:val="compressPunctuation"/>
  <w:compat>
    <w:spaceForUL/>
    <w:balanceSingleByteDoubleByteWidth/>
    <w:doNotLeaveBackslashAlone/>
    <w:ulTrailSpace/>
    <w:doNotExpandShiftReturn/>
    <w:adjustLineHeightInTable/>
    <w:doNotWrapTextWithPunct/>
    <w:doNotUseEastAsianBreakRules/>
    <w:useFELayout/>
    <w:doNotUseIndentAsNumberingTabStop/>
    <w:useAltKinsokuLineBreakRules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1F963458"/>
    <w:rsid w:val="1F96345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mc:Ignorable="w14">
  <w:docDefaults>
    <w:rPrDefault>
      <w:rPr>
        <w:rFonts w:ascii="Times New Roman" w:hAnsi="Times New Roman" w:eastAsia="宋体" w:cs="Times New Roman"/>
      </w:rPr>
    </w:rPrDefault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0" w:semiHidden="0" w:name="heading 1"/>
    <w:lsdException w:qFormat="1" w:uiPriority="0" w:name="heading 2"/>
    <w:lsdException w:qFormat="1" w:uiPriority="0" w:name="heading 3"/>
    <w:lsdException w:qFormat="1" w:uiPriority="0" w:name="heading 4"/>
    <w:lsdException w:qFormat="1" w:uiPriority="0" w:name="heading 5"/>
    <w:lsdException w:qFormat="1" w:uiPriority="0" w:name="heading 6"/>
    <w:lsdException w:qFormat="1" w:uiPriority="0" w:name="heading 7"/>
    <w:lsdException w:qFormat="1" w:uiPriority="0" w:name="heading 8"/>
    <w:lsdException w:qFormat="1" w:uiPriority="0" w:name="heading 9"/>
    <w:lsdException w:unhideWhenUsed="0" w:uiPriority="0" w:semiHidden="0" w:name="index 1"/>
    <w:lsdException w:unhideWhenUsed="0" w:uiPriority="0" w:semiHidden="0" w:name="index 2"/>
    <w:lsdException w:unhideWhenUsed="0" w:uiPriority="0" w:semiHidden="0" w:name="index 3"/>
    <w:lsdException w:unhideWhenUsed="0" w:uiPriority="0" w:semiHidden="0" w:name="index 4"/>
    <w:lsdException w:unhideWhenUsed="0" w:uiPriority="0" w:semiHidden="0" w:name="index 5"/>
    <w:lsdException w:unhideWhenUsed="0" w:uiPriority="0" w:semiHidden="0" w:name="index 6"/>
    <w:lsdException w:unhideWhenUsed="0" w:uiPriority="0" w:semiHidden="0" w:name="index 7"/>
    <w:lsdException w:unhideWhenUsed="0" w:uiPriority="0" w:semiHidden="0" w:name="index 8"/>
    <w:lsdException w:unhideWhenUsed="0" w:uiPriority="0" w:semiHidden="0" w:name="index 9"/>
    <w:lsdException w:unhideWhenUsed="0" w:uiPriority="0" w:semiHidden="0" w:name="toc 1"/>
    <w:lsdException w:unhideWhenUsed="0" w:uiPriority="0" w:semiHidden="0" w:name="toc 2"/>
    <w:lsdException w:unhideWhenUsed="0" w:uiPriority="0" w:semiHidden="0" w:name="toc 3"/>
    <w:lsdException w:unhideWhenUsed="0" w:uiPriority="0" w:semiHidden="0" w:name="toc 4"/>
    <w:lsdException w:unhideWhenUsed="0" w:uiPriority="0" w:semiHidden="0" w:name="toc 5"/>
    <w:lsdException w:unhideWhenUsed="0" w:uiPriority="0" w:semiHidden="0" w:name="toc 6"/>
    <w:lsdException w:unhideWhenUsed="0" w:uiPriority="0" w:semiHidden="0" w:name="toc 7"/>
    <w:lsdException w:unhideWhenUsed="0" w:uiPriority="0" w:semiHidden="0" w:name="toc 8"/>
    <w:lsdException w:unhideWhenUsed="0" w:uiPriority="0" w:semiHidden="0" w:name="toc 9"/>
    <w:lsdException w:unhideWhenUsed="0" w:uiPriority="0" w:semiHidden="0" w:name="Normal Indent"/>
    <w:lsdException w:unhideWhenUsed="0" w:uiPriority="0" w:semiHidden="0" w:name="footnote text"/>
    <w:lsdException w:unhideWhenUsed="0" w:uiPriority="0" w:semiHidden="0" w:name="annotation text"/>
    <w:lsdException w:unhideWhenUsed="0" w:uiPriority="0" w:semiHidden="0" w:name="header"/>
    <w:lsdException w:unhideWhenUsed="0" w:uiPriority="0" w:semiHidden="0" w:name="footer"/>
    <w:lsdException w:unhideWhenUsed="0" w:uiPriority="0" w:semiHidden="0" w:name="index heading"/>
    <w:lsdException w:qFormat="1" w:uiPriority="0" w:name="caption"/>
    <w:lsdException w:unhideWhenUsed="0" w:uiPriority="0" w:semiHidden="0" w:name="table of figures"/>
    <w:lsdException w:unhideWhenUsed="0" w:uiPriority="0" w:semiHidden="0" w:name="envelope address"/>
    <w:lsdException w:unhideWhenUsed="0" w:uiPriority="0" w:semiHidden="0" w:name="envelope return"/>
    <w:lsdException w:unhideWhenUsed="0" w:uiPriority="0" w:semiHidden="0" w:name="footnote reference"/>
    <w:lsdException w:unhideWhenUsed="0" w:uiPriority="0" w:semiHidden="0" w:name="annotation reference"/>
    <w:lsdException w:unhideWhenUsed="0" w:uiPriority="0" w:semiHidden="0" w:name="line number"/>
    <w:lsdException w:unhideWhenUsed="0" w:uiPriority="0" w:semiHidden="0" w:name="page number"/>
    <w:lsdException w:unhideWhenUsed="0" w:uiPriority="0" w:semiHidden="0" w:name="endnote reference"/>
    <w:lsdException w:unhideWhenUsed="0" w:uiPriority="0" w:semiHidden="0" w:name="endnote text"/>
    <w:lsdException w:unhideWhenUsed="0" w:uiPriority="0" w:semiHidden="0" w:name="table of authorities"/>
    <w:lsdException w:unhideWhenUsed="0" w:uiPriority="0" w:semiHidden="0" w:name="macro"/>
    <w:lsdException w:unhideWhenUsed="0" w:uiPriority="0" w:semiHidden="0" w:name="toa heading"/>
    <w:lsdException w:unhideWhenUsed="0" w:uiPriority="0" w:semiHidden="0" w:name="List"/>
    <w:lsdException w:unhideWhenUsed="0" w:uiPriority="0" w:semiHidden="0" w:name="List Bullet"/>
    <w:lsdException w:unhideWhenUsed="0" w:uiPriority="0" w:semiHidden="0" w:name="List Number"/>
    <w:lsdException w:unhideWhenUsed="0" w:uiPriority="0" w:semiHidden="0" w:name="List 2"/>
    <w:lsdException w:unhideWhenUsed="0" w:uiPriority="0" w:semiHidden="0" w:name="List 3"/>
    <w:lsdException w:unhideWhenUsed="0" w:uiPriority="0" w:semiHidden="0" w:name="List 4"/>
    <w:lsdException w:unhideWhenUsed="0" w:uiPriority="0" w:semiHidden="0" w:name="List 5"/>
    <w:lsdException w:unhideWhenUsed="0" w:uiPriority="0" w:semiHidden="0" w:name="List Bullet 2"/>
    <w:lsdException w:unhideWhenUsed="0" w:uiPriority="0" w:semiHidden="0" w:name="List Bullet 3"/>
    <w:lsdException w:unhideWhenUsed="0" w:uiPriority="0" w:semiHidden="0" w:name="List Bullet 4"/>
    <w:lsdException w:unhideWhenUsed="0" w:uiPriority="0" w:semiHidden="0" w:name="List Bullet 5"/>
    <w:lsdException w:unhideWhenUsed="0" w:uiPriority="0" w:semiHidden="0" w:name="List Number 2"/>
    <w:lsdException w:unhideWhenUsed="0" w:uiPriority="0" w:semiHidden="0" w:name="List Number 3"/>
    <w:lsdException w:unhideWhenUsed="0" w:uiPriority="0" w:semiHidden="0" w:name="List Number 4"/>
    <w:lsdException w:unhideWhenUsed="0" w:uiPriority="0" w:semiHidden="0" w:name="List Number 5"/>
    <w:lsdException w:qFormat="1" w:unhideWhenUsed="0" w:uiPriority="0" w:semiHidden="0" w:name="Title"/>
    <w:lsdException w:unhideWhenUsed="0" w:uiPriority="0" w:semiHidden="0" w:name="Closing"/>
    <w:lsdException w:unhideWhenUsed="0" w:uiPriority="0" w:semiHidden="0" w:name="Signature"/>
    <w:lsdException w:unhideWhenUsed="0" w:uiPriority="0" w:name="Default Paragraph Font"/>
    <w:lsdException w:unhideWhenUsed="0" w:uiPriority="0" w:semiHidden="0" w:name="Body Text"/>
    <w:lsdException w:unhideWhenUsed="0" w:uiPriority="0" w:semiHidden="0" w:name="Body Text Indent"/>
    <w:lsdException w:unhideWhenUsed="0" w:uiPriority="0" w:semiHidden="0" w:name="List Continue"/>
    <w:lsdException w:unhideWhenUsed="0" w:uiPriority="0" w:semiHidden="0" w:name="List Continue 2"/>
    <w:lsdException w:unhideWhenUsed="0" w:uiPriority="0" w:semiHidden="0" w:name="List Continue 3"/>
    <w:lsdException w:unhideWhenUsed="0" w:uiPriority="0" w:semiHidden="0" w:name="List Continue 4"/>
    <w:lsdException w:unhideWhenUsed="0" w:uiPriority="0" w:semiHidden="0" w:name="List Continue 5"/>
    <w:lsdException w:unhideWhenUsed="0" w:uiPriority="0" w:semiHidden="0" w:name="Message Header"/>
    <w:lsdException w:qFormat="1" w:unhideWhenUsed="0" w:uiPriority="0" w:semiHidden="0" w:name="Subtitle"/>
    <w:lsdException w:unhideWhenUsed="0" w:uiPriority="0" w:semiHidden="0" w:name="Salutation"/>
    <w:lsdException w:unhideWhenUsed="0" w:uiPriority="0" w:semiHidden="0" w:name="Date"/>
    <w:lsdException w:unhideWhenUsed="0" w:uiPriority="0" w:semiHidden="0" w:name="Body Text First Indent"/>
    <w:lsdException w:unhideWhenUsed="0" w:uiPriority="0" w:semiHidden="0" w:name="Body Text First Indent 2"/>
    <w:lsdException w:unhideWhenUsed="0" w:uiPriority="0" w:semiHidden="0" w:name="Note Heading"/>
    <w:lsdException w:unhideWhenUsed="0" w:uiPriority="0" w:semiHidden="0" w:name="Body Text 2"/>
    <w:lsdException w:unhideWhenUsed="0" w:uiPriority="0" w:semiHidden="0" w:name="Body Text 3"/>
    <w:lsdException w:unhideWhenUsed="0" w:uiPriority="0" w:semiHidden="0" w:name="Body Text Indent 2"/>
    <w:lsdException w:unhideWhenUsed="0" w:uiPriority="0" w:semiHidden="0" w:name="Body Text Indent 3"/>
    <w:lsdException w:unhideWhenUsed="0" w:uiPriority="0" w:semiHidden="0" w:name="Block Text"/>
    <w:lsdException w:unhideWhenUsed="0" w:uiPriority="0" w:semiHidden="0" w:name="Hyperlink"/>
    <w:lsdException w:unhideWhenUsed="0" w:uiPriority="0" w:semiHidden="0" w:name="FollowedHyperlink"/>
    <w:lsdException w:qFormat="1" w:unhideWhenUsed="0" w:uiPriority="0" w:semiHidden="0" w:name="Strong"/>
    <w:lsdException w:qFormat="1" w:unhideWhenUsed="0" w:uiPriority="0" w:semiHidden="0" w:name="Emphasis"/>
    <w:lsdException w:unhideWhenUsed="0" w:uiPriority="0" w:semiHidden="0" w:name="Document Map"/>
    <w:lsdException w:unhideWhenUsed="0" w:uiPriority="0" w:semiHidden="0" w:name="Plain Text"/>
    <w:lsdException w:unhideWhenUsed="0" w:uiPriority="0" w:semiHidden="0" w:name="E-mail Signature"/>
    <w:lsdException w:unhideWhenUsed="0" w:uiPriority="0" w:semiHidden="0" w:name="Normal (Web)"/>
    <w:lsdException w:unhideWhenUsed="0" w:uiPriority="0" w:semiHidden="0" w:name="HTML Acronym"/>
    <w:lsdException w:unhideWhenUsed="0" w:uiPriority="0" w:semiHidden="0" w:name="HTML Address"/>
    <w:lsdException w:unhideWhenUsed="0" w:uiPriority="0" w:semiHidden="0" w:name="HTML Cite"/>
    <w:lsdException w:unhideWhenUsed="0" w:uiPriority="0" w:semiHidden="0" w:name="HTML Code"/>
    <w:lsdException w:unhideWhenUsed="0" w:uiPriority="0" w:semiHidden="0" w:name="HTML Definition"/>
    <w:lsdException w:unhideWhenUsed="0" w:uiPriority="0" w:semiHidden="0" w:name="HTML Keyboard"/>
    <w:lsdException w:unhideWhenUsed="0" w:uiPriority="0" w:semiHidden="0" w:name="HTML Preformatted"/>
    <w:lsdException w:unhideWhenUsed="0" w:uiPriority="0" w:semiHidden="0" w:name="HTML Sample"/>
    <w:lsdException w:unhideWhenUsed="0" w:uiPriority="0" w:semiHidden="0" w:name="HTML Typewriter"/>
    <w:lsdException w:unhideWhenUsed="0" w:uiPriority="0" w:semiHidden="0" w:name="HTML Variable"/>
    <w:lsdException w:unhideWhenUsed="0" w:uiPriority="0" w:name="Normal Table"/>
    <w:lsdException w:unhideWhenUsed="0" w:uiPriority="0" w:semiHidden="0" w:name="annotation subject"/>
    <w:lsdException w:unhideWhenUsed="0" w:uiPriority="0" w:semiHidden="0" w:name="Table Simple 1"/>
    <w:lsdException w:unhideWhenUsed="0" w:uiPriority="0" w:semiHidden="0" w:name="Table Simple 2"/>
    <w:lsdException w:unhideWhenUsed="0" w:uiPriority="0" w:semiHidden="0" w:name="Table Simple 3"/>
    <w:lsdException w:unhideWhenUsed="0" w:uiPriority="0" w:semiHidden="0" w:name="Table Classic 1"/>
    <w:lsdException w:unhideWhenUsed="0" w:uiPriority="0" w:semiHidden="0" w:name="Table Classic 2"/>
    <w:lsdException w:unhideWhenUsed="0" w:uiPriority="0" w:semiHidden="0" w:name="Table Classic 3"/>
    <w:lsdException w:unhideWhenUsed="0" w:uiPriority="0" w:semiHidden="0" w:name="Table Classic 4"/>
    <w:lsdException w:unhideWhenUsed="0" w:uiPriority="0" w:semiHidden="0" w:name="Table Colorful 1"/>
    <w:lsdException w:unhideWhenUsed="0" w:uiPriority="0" w:semiHidden="0" w:name="Table Colorful 2"/>
    <w:lsdException w:unhideWhenUsed="0" w:uiPriority="0" w:semiHidden="0" w:name="Table Colorful 3"/>
    <w:lsdException w:unhideWhenUsed="0" w:uiPriority="0" w:semiHidden="0" w:name="Table Columns 1"/>
    <w:lsdException w:unhideWhenUsed="0" w:uiPriority="0" w:semiHidden="0" w:name="Table Columns 2"/>
    <w:lsdException w:unhideWhenUsed="0" w:uiPriority="0" w:semiHidden="0" w:name="Table Columns 3"/>
    <w:lsdException w:unhideWhenUsed="0" w:uiPriority="0" w:semiHidden="0" w:name="Table Columns 4"/>
    <w:lsdException w:unhideWhenUsed="0" w:uiPriority="0" w:semiHidden="0" w:name="Table Columns 5"/>
    <w:lsdException w:unhideWhenUsed="0" w:uiPriority="0" w:semiHidden="0" w:name="Table Grid 1"/>
    <w:lsdException w:unhideWhenUsed="0" w:uiPriority="0" w:semiHidden="0" w:name="Table Grid 2"/>
    <w:lsdException w:unhideWhenUsed="0" w:uiPriority="0" w:semiHidden="0" w:name="Table Grid 3"/>
    <w:lsdException w:unhideWhenUsed="0" w:uiPriority="0" w:semiHidden="0" w:name="Table Grid 4"/>
    <w:lsdException w:unhideWhenUsed="0" w:uiPriority="0" w:semiHidden="0" w:name="Table Grid 5"/>
    <w:lsdException w:unhideWhenUsed="0" w:uiPriority="0" w:semiHidden="0" w:name="Table Grid 6"/>
    <w:lsdException w:unhideWhenUsed="0" w:uiPriority="0" w:semiHidden="0" w:name="Table Grid 7"/>
    <w:lsdException w:unhideWhenUsed="0" w:uiPriority="0" w:semiHidden="0" w:name="Table Grid 8"/>
    <w:lsdException w:unhideWhenUsed="0" w:uiPriority="0" w:semiHidden="0" w:name="Table List 1"/>
    <w:lsdException w:unhideWhenUsed="0" w:uiPriority="0" w:semiHidden="0" w:name="Table List 2"/>
    <w:lsdException w:unhideWhenUsed="0" w:uiPriority="0" w:semiHidden="0" w:name="Table List 3"/>
    <w:lsdException w:unhideWhenUsed="0" w:uiPriority="0" w:semiHidden="0" w:name="Table List 4"/>
    <w:lsdException w:unhideWhenUsed="0" w:uiPriority="0" w:semiHidden="0" w:name="Table List 5"/>
    <w:lsdException w:unhideWhenUsed="0" w:uiPriority="0" w:semiHidden="0" w:name="Table List 6"/>
    <w:lsdException w:unhideWhenUsed="0" w:uiPriority="0" w:semiHidden="0" w:name="Table List 7"/>
    <w:lsdException w:unhideWhenUsed="0" w:uiPriority="0" w:semiHidden="0" w:name="Table List 8"/>
    <w:lsdException w:unhideWhenUsed="0" w:uiPriority="0" w:semiHidden="0" w:name="Table 3D effects 1"/>
    <w:lsdException w:unhideWhenUsed="0" w:uiPriority="0" w:semiHidden="0" w:name="Table 3D effects 2"/>
    <w:lsdException w:unhideWhenUsed="0" w:uiPriority="0" w:semiHidden="0" w:name="Table 3D effects 3"/>
    <w:lsdException w:unhideWhenUsed="0" w:uiPriority="0" w:semiHidden="0" w:name="Table Contemporary"/>
    <w:lsdException w:unhideWhenUsed="0" w:uiPriority="0" w:semiHidden="0" w:name="Table Elegant"/>
    <w:lsdException w:unhideWhenUsed="0" w:uiPriority="0" w:semiHidden="0" w:name="Table Professional"/>
    <w:lsdException w:unhideWhenUsed="0" w:uiPriority="0" w:semiHidden="0" w:name="Table Subtle 1"/>
    <w:lsdException w:unhideWhenUsed="0" w:uiPriority="0" w:semiHidden="0" w:name="Table Subtle 2"/>
    <w:lsdException w:unhideWhenUsed="0" w:uiPriority="0" w:semiHidden="0" w:name="Table Web 1"/>
    <w:lsdException w:unhideWhenUsed="0" w:uiPriority="0" w:semiHidden="0" w:name="Table Web 2"/>
    <w:lsdException w:unhideWhenUsed="0" w:uiPriority="0" w:semiHidden="0" w:name="Table Web 3"/>
    <w:lsdException w:unhideWhenUsed="0" w:uiPriority="0" w:semiHidden="0" w:name="Balloon Text"/>
    <w:lsdException w:unhideWhenUsed="0" w:uiPriority="0" w:semiHidden="0" w:name="Table Grid"/>
    <w:lsdException w:unhideWhenUsed="0" w:uiPriority="0" w:semiHidden="0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widowControl w:val="0"/>
      <w:jc w:val="both"/>
    </w:pPr>
    <w:rPr>
      <w:rFonts w:asciiTheme="minorHAnsi" w:hAnsiTheme="minorHAnsi" w:eastAsiaTheme="minorEastAsia" w:cstheme="minorBidi"/>
      <w:kern w:val="2"/>
      <w:sz w:val="21"/>
      <w:szCs w:val="24"/>
      <w:lang w:val="en-US" w:eastAsia="zh-CN" w:bidi="ar-SA"/>
    </w:rPr>
  </w:style>
  <w:style w:type="character" w:default="1" w:styleId="4">
    <w:name w:val="Default Paragraph Font"/>
    <w:semiHidden/>
    <w:uiPriority w:val="0"/>
  </w:style>
  <w:style w:type="table" w:default="1" w:styleId="3">
    <w:name w:val="Normal Table"/>
    <w:semiHidden/>
    <w:uiPriority w:val="0"/>
    <w:tblPr>
      <w:tblCellMar>
        <w:top w:w="0" w:type="dxa"/>
        <w:left w:w="108" w:type="dxa"/>
        <w:bottom w:w="0" w:type="dxa"/>
        <w:right w:w="108" w:type="dxa"/>
      </w:tblCellMar>
    </w:tblPr>
  </w:style>
  <w:style w:type="paragraph" w:styleId="2">
    <w:name w:val="HTML Preformatted"/>
    <w:basedOn w:val="1"/>
    <w:uiPriority w:val="0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hint="eastAsia" w:ascii="宋体" w:hAnsi="宋体" w:eastAsia="宋体" w:cs="宋体"/>
      <w:kern w:val="0"/>
      <w:sz w:val="24"/>
      <w:szCs w:val="24"/>
      <w:lang w:val="en-US" w:eastAsia="zh-CN" w:bidi="ar"/>
    </w:rPr>
  </w:style>
</w:styles>
</file>

<file path=word/_rels/document.xml.rels><?xml version="1.0" encoding="UTF-8" standalone="yes"?>
<Relationships xmlns="http://schemas.openxmlformats.org/package/2006/relationships"><Relationship Id="rId5" Type="http://schemas.openxmlformats.org/officeDocument/2006/relationships/fontTable" Target="fontTable.xml"/><Relationship Id="rId4" Type="http://schemas.openxmlformats.org/officeDocument/2006/relationships/customXml" Target="../customXml/item1.xml"/><Relationship Id="rId3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Pages>1</Pages>
  <Words>0</Words>
  <Characters>0</Characters>
  <Lines>0</Lines>
  <Paragraphs>0</Paragraphs>
  <TotalTime>0</TotalTime>
  <ScaleCrop>false</ScaleCrop>
  <LinksUpToDate>false</LinksUpToDate>
  <CharactersWithSpaces>0</CharactersWithSpaces>
  <Application>WPS Office_11.1.0.9339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0-01-09T03:45:00Z</dcterms:created>
  <dc:creator>TSK_陈</dc:creator>
  <cp:lastModifiedBy>TSK_陈</cp:lastModifiedBy>
  <dcterms:modified xsi:type="dcterms:W3CDTF">2020-01-09T03:45:21Z</dcterms:modified>
  <cp:revision>1</cp:revi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339</vt:lpwstr>
  </property>
</Properties>
</file>